
<file path=[Content_Types].xml><?xml version="1.0" encoding="utf-8"?>
<Types xmlns="http://schemas.openxmlformats.org/package/2006/content-type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609"/>
  <workbookPr filterPrivacy="1"/>
  <xr:revisionPtr revIDLastSave="361" documentId="8_{4483EC5D-8E2E-4C79-9AEA-36C0C75C3A53}" xr6:coauthVersionLast="47" xr6:coauthVersionMax="47" xr10:uidLastSave="{E1E7BE6E-9652-4509-8D18-D0B3A1F61D7C}"/>
  <bookViews>
    <workbookView xWindow="-120" yWindow="-120" windowWidth="23280" windowHeight="12480" xr2:uid="{00000000-000D-0000-FFFF-FFFF00000000}"/>
  </bookViews>
  <sheets>
    <sheet name="Toelichting" sheetId="3" r:id="rId1"/>
    <sheet name="Algemene vragen" sheetId="2" r:id="rId2"/>
    <sheet name="Functionaliteiten en Noviteiten" sheetId="4" r:id="rId3"/>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61" uniqueCount="54">
  <si>
    <t>Bijlage 4 - Concept specificaties
Marktconsultatie
Beademingsapparatuur ICK-ICV</t>
  </si>
  <si>
    <t> </t>
  </si>
  <si>
    <r>
      <t xml:space="preserve">Let op:
</t>
    </r>
    <r>
      <rPr>
        <sz val="14"/>
        <color rgb="FF000000"/>
        <rFont val="Arial"/>
      </rPr>
      <t>- Dit document bestaat uit 2 tabbladen
- Beide tabbladen dienen ingevuld te worden</t>
    </r>
  </si>
  <si>
    <r>
      <rPr>
        <b/>
        <sz val="14"/>
        <color rgb="FF000000"/>
        <rFont val="Arial"/>
      </rPr>
      <t xml:space="preserve">INSTRUCTIE:
</t>
    </r>
    <r>
      <rPr>
        <sz val="14"/>
        <color rgb="FF000000"/>
        <rFont val="Arial"/>
      </rPr>
      <t>- Tabblad "Algemen vragen" dient met JA, NEE of een korte toelichting beantwoord te worden in kolom C.
- Tabblad "Functionaliteiten en Noviteiten" dient met JA of NEE beantwoord te worden in Kolom C. Een korte toelichting is toegestaan.</t>
    </r>
  </si>
  <si>
    <t>nr</t>
  </si>
  <si>
    <t>Omschrijving</t>
  </si>
  <si>
    <t>Graag beantwoorden met ja/nee of een korte toelichting</t>
  </si>
  <si>
    <t>Voldoet het toestel aan de MDR - CE</t>
  </si>
  <si>
    <t>Is het scherm los neembaar van zijn base en kan het bv. aan een mounting bevestigd worden, dit ivm mogelijke toekomstige werksetting ICK</t>
  </si>
  <si>
    <t>Staat het toestel op een trolley</t>
  </si>
  <si>
    <t>Is het toestel compatible met een externe F&amp;P bevochtiger MR 850 / 950</t>
  </si>
  <si>
    <t>Is het toestel compatible met Air Liquide Servino/Sokinox (NO) met toediening op basis van flow meting en triggering</t>
  </si>
  <si>
    <t>Beschikt het toestel over een HFO-beademingsmodus, geef hierbij een toelichting over de werking</t>
  </si>
  <si>
    <t>Welke externe metingen / sensoren heeft het toestel en zijn deze (bv. de CO2 meting) uitgevoerd als een galvanisch geisoleerde in/uitgang, graag specificeren welke metingen worden ondersteund</t>
  </si>
  <si>
    <t>Heeft het toestel een automatische (closed loop) zuurstofregulatie (bij voorkeur op basis van Masimo technologie)</t>
  </si>
  <si>
    <t>Heeft het toestel een Data (incl alarmdata) koppeling op basis van RS232 en/of HL7 (via ip)</t>
  </si>
  <si>
    <t>Zijn de Data output protocollen kostenloos beschikbaar</t>
  </si>
  <si>
    <t>Heeft het toestel 2 data uitgangen tbv alarmering/onderzoek/EPD</t>
  </si>
  <si>
    <t>Heeft het toestel een CE klasse IIb gecertificiceerde CDAS functionaliteit</t>
  </si>
  <si>
    <t>Heeft het toestel een Nursecall aansluiting als backup voor MAS</t>
  </si>
  <si>
    <t>Heeft het toestel SDC - IEEE 11073 IHE standaard voor interactieve alarmering voor alarmering en data communicatie, aantoonbaar</t>
  </si>
  <si>
    <t>Heeft het toestel Non-invasive en Invasive beademing</t>
  </si>
  <si>
    <t>Heeft het toestel High flow therapie</t>
  </si>
  <si>
    <t>Mag het volledige onderhoud door het Erasmus MC uitgevoerd worden en zijn hiervoor gecertificeerde trainingen te volgen</t>
  </si>
  <si>
    <t>Is de EOS (end of support) minimaal 10 jaar na laatste aanschaf.</t>
  </si>
  <si>
    <t xml:space="preserve">Is de EOL (productie, van het gekozen type) minimaal 5 jaar na laatste aanschaf  </t>
  </si>
  <si>
    <t>Vindt de fabrikage van kritische (gebruik/spare) onderdelen op meerdere locaties plaats</t>
  </si>
  <si>
    <t>Heeft de Interne accu min. 45 minuten capaciteit</t>
  </si>
  <si>
    <t>Is een (Hot) swap van accu's mogelijk (b.v. t.b.v. transport)</t>
  </si>
  <si>
    <t>Is een training op locatie voor key-users mogelijk</t>
  </si>
  <si>
    <t>Is er een E-learning en certificering voor gebruikers en key-users beschikbaar</t>
  </si>
  <si>
    <t>Is het toestel gecertificeerd voor gebruik in een ambulance</t>
  </si>
  <si>
    <t xml:space="preserve">Vanaf welk patientgewicht is het toestel gecertificeerd </t>
  </si>
  <si>
    <t xml:space="preserve">Welk minimaal teugvolume is het teugvolume gevalideerd </t>
  </si>
  <si>
    <t>Functionaliteit / Noviteit</t>
  </si>
  <si>
    <t>Graag beantwoorden met ja/nee beschikbaar of een korte toelichting</t>
  </si>
  <si>
    <t>Monitoring diafragma activiteit</t>
  </si>
  <si>
    <t>Geïntegreerde metingen van oesofagusdruk en resulterende transpulmonale druk</t>
  </si>
  <si>
    <t>Geïntegreerde transdiafragmale drukmetingen (= zowel oesofagusballon als maagballon kunnen aansluiten)</t>
  </si>
  <si>
    <t>Proportionele beademing of anderzijds modus met automatische synchronisatie met effort</t>
  </si>
  <si>
    <t>Mogelijkheid tot extractie van waveform data in hoge resolutie (tenmiste 100 Hz)</t>
  </si>
  <si>
    <t>Integratie met high-flow therapie</t>
  </si>
  <si>
    <t>Druk-volume curve analyse (PV tool)</t>
  </si>
  <si>
    <t>Trendanalyse tijdens decremental PEEP trial</t>
  </si>
  <si>
    <t>Occlusiedruk tijdens volledige effort: daling in luchtwegdruk kunnen meten tijdens effort bij expiratoire hold (inclusief negatieve range Paw)</t>
  </si>
  <si>
    <t>Schermopnames / optie tot scherm bevriezen voor metingen respiratoire mechanica</t>
  </si>
  <si>
    <t>Scherm delen voor telemonitoring</t>
  </si>
  <si>
    <t>Goede NIV faciliteiten (mn neonaten)</t>
  </si>
  <si>
    <t>VCO2 metingen</t>
  </si>
  <si>
    <t xml:space="preserve">Airway pressure release ventilation mode </t>
  </si>
  <si>
    <t>Automatisch berekening Driving Pressure en occlusiedruk (Pocc) bij het doen van holds</t>
  </si>
  <si>
    <t>Monitor die los kan van het toestel (voor nieuwbouw)</t>
  </si>
  <si>
    <t>Te overwegen: voorkeuropties voor grafische interface en informatievoorziening bij wijzigingen instelingen e.d.</t>
  </si>
  <si>
    <t xml:space="preserve">In het kader van opleiding tot IC verpleegkundigen, ventilation practitioners en intensivisten willen we duidelijk kunnen zien wat machine doet en wat effect daarvan op longen van patiënt is (indien er door de machine gebruik gemaakt wordt van software die drukken/flow aanpast ter comfort patiënt dient dit duidelijk te zijn voor persoon aan bed).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1">
    <font>
      <sz val="11"/>
      <color theme="1"/>
      <name val="Aptos Narrow"/>
      <family val="2"/>
      <scheme val="minor"/>
    </font>
    <font>
      <b/>
      <sz val="14"/>
      <color theme="1"/>
      <name val="Aptos Narrow"/>
      <family val="2"/>
      <scheme val="minor"/>
    </font>
    <font>
      <sz val="11"/>
      <color theme="1"/>
      <name val="Aptos Narrow"/>
      <scheme val="minor"/>
    </font>
    <font>
      <b/>
      <sz val="18"/>
      <color rgb="FF000000"/>
      <name val="Arial"/>
    </font>
    <font>
      <sz val="11"/>
      <color rgb="FF000000"/>
      <name val="Aptos Narrow"/>
      <family val="2"/>
    </font>
    <font>
      <b/>
      <sz val="14"/>
      <color rgb="FF000000"/>
      <name val="Arial"/>
    </font>
    <font>
      <b/>
      <sz val="16"/>
      <name val="Arial"/>
      <family val="2"/>
    </font>
    <font>
      <b/>
      <sz val="14"/>
      <name val="Arial"/>
      <family val="2"/>
    </font>
    <font>
      <sz val="14"/>
      <name val="Arial"/>
      <family val="2"/>
    </font>
    <font>
      <sz val="14"/>
      <color rgb="FF000000"/>
      <name val="Arial"/>
    </font>
    <font>
      <b/>
      <sz val="11"/>
      <color theme="1"/>
      <name val="Aptos Narrow"/>
      <family val="2"/>
      <scheme val="minor"/>
    </font>
  </fonts>
  <fills count="7">
    <fill>
      <patternFill patternType="none"/>
    </fill>
    <fill>
      <patternFill patternType="gray125"/>
    </fill>
    <fill>
      <patternFill patternType="solid">
        <fgColor theme="7" tint="0.79998168889431442"/>
        <bgColor indexed="64"/>
      </patternFill>
    </fill>
    <fill>
      <patternFill patternType="solid">
        <fgColor rgb="FF99CCFF"/>
        <bgColor rgb="FFCCCCFF"/>
      </patternFill>
    </fill>
    <fill>
      <patternFill patternType="solid">
        <fgColor rgb="FFCCFFCC"/>
        <bgColor rgb="FFCCFFFF"/>
      </patternFill>
    </fill>
    <fill>
      <patternFill patternType="solid">
        <fgColor rgb="FFFFFFFF"/>
        <bgColor rgb="FFCCFFFF"/>
      </patternFill>
    </fill>
    <fill>
      <patternFill patternType="solid">
        <fgColor rgb="FFFFFFFF"/>
        <bgColor rgb="FFCCCCFF"/>
      </patternFill>
    </fill>
  </fills>
  <borders count="11">
    <border>
      <left/>
      <right/>
      <top/>
      <bottom/>
      <diagonal/>
    </border>
    <border>
      <left style="thin">
        <color rgb="FF000000"/>
      </left>
      <right style="thin">
        <color rgb="FF000000"/>
      </right>
      <top style="thin">
        <color rgb="FF000000"/>
      </top>
      <bottom style="thin">
        <color rgb="FF000000"/>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rgb="FF000000"/>
      </right>
      <top style="medium">
        <color indexed="64"/>
      </top>
      <bottom style="medium">
        <color indexed="64"/>
      </bottom>
      <diagonal/>
    </border>
    <border>
      <left style="medium">
        <color indexed="64"/>
      </left>
      <right/>
      <top/>
      <bottom/>
      <diagonal/>
    </border>
    <border>
      <left/>
      <right style="medium">
        <color indexed="64"/>
      </right>
      <top/>
      <bottom/>
      <diagonal/>
    </border>
    <border>
      <left/>
      <right style="medium">
        <color indexed="64"/>
      </right>
      <top style="medium">
        <color indexed="64"/>
      </top>
      <bottom style="medium">
        <color indexed="64"/>
      </bottom>
      <diagonal/>
    </border>
    <border>
      <left style="thin">
        <color indexed="64"/>
      </left>
      <right style="thin">
        <color indexed="64"/>
      </right>
      <top style="thin">
        <color indexed="64"/>
      </top>
      <bottom style="thin">
        <color indexed="64"/>
      </bottom>
      <diagonal/>
    </border>
    <border>
      <left/>
      <right style="thin">
        <color rgb="FF000000"/>
      </right>
      <top style="thin">
        <color rgb="FF000000"/>
      </top>
      <bottom style="thin">
        <color rgb="FF000000"/>
      </bottom>
      <diagonal/>
    </border>
    <border>
      <left style="thin">
        <color rgb="FF000000"/>
      </left>
      <right style="thin">
        <color rgb="FF000000"/>
      </right>
      <top style="thin">
        <color rgb="FF000000"/>
      </top>
      <bottom/>
      <diagonal/>
    </border>
  </borders>
  <cellStyleXfs count="1">
    <xf numFmtId="0" fontId="0" fillId="0" borderId="0"/>
  </cellStyleXfs>
  <cellXfs count="28">
    <xf numFmtId="0" fontId="0" fillId="0" borderId="0" xfId="0"/>
    <xf numFmtId="0" fontId="0" fillId="0" borderId="1" xfId="0" applyBorder="1" applyAlignment="1">
      <alignment horizontal="center"/>
    </xf>
    <xf numFmtId="0" fontId="0" fillId="0" borderId="0" xfId="0" applyAlignment="1">
      <alignment horizontal="center"/>
    </xf>
    <xf numFmtId="0" fontId="1" fillId="2" borderId="1" xfId="0" applyFont="1" applyFill="1" applyBorder="1" applyAlignment="1">
      <alignment horizontal="center" vertical="center" wrapText="1"/>
    </xf>
    <xf numFmtId="0" fontId="1" fillId="2" borderId="1" xfId="0" applyFont="1" applyFill="1" applyBorder="1" applyAlignment="1">
      <alignment horizontal="center" vertical="center"/>
    </xf>
    <xf numFmtId="0" fontId="0" fillId="0" borderId="1" xfId="0" applyBorder="1" applyAlignment="1">
      <alignment horizontal="center" vertical="center"/>
    </xf>
    <xf numFmtId="0" fontId="2" fillId="0" borderId="1" xfId="0" applyFont="1" applyBorder="1" applyAlignment="1">
      <alignment vertical="top"/>
    </xf>
    <xf numFmtId="0" fontId="2" fillId="0" borderId="1" xfId="0" applyFont="1" applyBorder="1" applyAlignment="1">
      <alignment vertical="top" wrapText="1"/>
    </xf>
    <xf numFmtId="0" fontId="4" fillId="0" borderId="5" xfId="0" applyFont="1" applyBorder="1" applyAlignment="1">
      <alignment horizontal="center" wrapText="1"/>
    </xf>
    <xf numFmtId="0" fontId="4" fillId="0" borderId="0" xfId="0" applyFont="1" applyAlignment="1">
      <alignment horizontal="center" wrapText="1"/>
    </xf>
    <xf numFmtId="0" fontId="4" fillId="0" borderId="6" xfId="0" applyFont="1" applyBorder="1" applyAlignment="1">
      <alignment horizontal="center" wrapText="1"/>
    </xf>
    <xf numFmtId="0" fontId="8" fillId="6" borderId="6" xfId="0" applyFont="1" applyFill="1" applyBorder="1" applyAlignment="1">
      <alignment horizontal="center" wrapText="1"/>
    </xf>
    <xf numFmtId="0" fontId="6" fillId="5" borderId="5" xfId="0" applyFont="1" applyFill="1" applyBorder="1" applyAlignment="1">
      <alignment horizontal="left" wrapText="1"/>
    </xf>
    <xf numFmtId="0" fontId="6" fillId="5" borderId="0" xfId="0" applyFont="1" applyFill="1" applyAlignment="1">
      <alignment horizontal="left" wrapText="1"/>
    </xf>
    <xf numFmtId="0" fontId="7" fillId="5" borderId="0" xfId="0" applyFont="1" applyFill="1" applyAlignment="1">
      <alignment horizontal="left" wrapText="1"/>
    </xf>
    <xf numFmtId="0" fontId="8" fillId="6" borderId="0" xfId="0" applyFont="1" applyFill="1" applyAlignment="1">
      <alignment horizontal="left" wrapText="1"/>
    </xf>
    <xf numFmtId="0" fontId="0" fillId="0" borderId="1" xfId="0" applyBorder="1" applyAlignment="1">
      <alignment wrapText="1"/>
    </xf>
    <xf numFmtId="0" fontId="0" fillId="0" borderId="0" xfId="0" applyAlignment="1">
      <alignment wrapText="1"/>
    </xf>
    <xf numFmtId="0" fontId="10" fillId="2" borderId="1" xfId="0" applyFont="1" applyFill="1" applyBorder="1" applyAlignment="1">
      <alignment horizontal="center" vertical="center" wrapText="1"/>
    </xf>
    <xf numFmtId="0" fontId="1" fillId="2" borderId="10" xfId="0" applyFont="1" applyFill="1" applyBorder="1" applyAlignment="1">
      <alignment horizontal="center" vertical="center"/>
    </xf>
    <xf numFmtId="0" fontId="0" fillId="0" borderId="9" xfId="0" applyBorder="1" applyAlignment="1">
      <alignment horizontal="left" vertical="top" wrapText="1"/>
    </xf>
    <xf numFmtId="0" fontId="0" fillId="0" borderId="8" xfId="0" applyBorder="1" applyAlignment="1">
      <alignment horizontal="center" vertical="top"/>
    </xf>
    <xf numFmtId="0" fontId="3" fillId="3" borderId="2" xfId="0" applyFont="1" applyFill="1" applyBorder="1" applyAlignment="1">
      <alignment horizontal="center" vertical="center" wrapText="1"/>
    </xf>
    <xf numFmtId="0" fontId="3" fillId="3" borderId="3" xfId="0" applyFont="1" applyFill="1" applyBorder="1" applyAlignment="1">
      <alignment horizontal="center" vertical="center" wrapText="1"/>
    </xf>
    <xf numFmtId="0" fontId="3" fillId="3" borderId="4" xfId="0" applyFont="1" applyFill="1" applyBorder="1" applyAlignment="1">
      <alignment horizontal="center" vertical="center" wrapText="1"/>
    </xf>
    <xf numFmtId="0" fontId="5" fillId="4" borderId="2" xfId="0" applyFont="1" applyFill="1" applyBorder="1" applyAlignment="1">
      <alignment horizontal="left" vertical="center" wrapText="1"/>
    </xf>
    <xf numFmtId="0" fontId="5" fillId="4" borderId="3" xfId="0" applyFont="1" applyFill="1" applyBorder="1" applyAlignment="1">
      <alignment horizontal="left" vertical="center" wrapText="1"/>
    </xf>
    <xf numFmtId="0" fontId="5" fillId="4" borderId="7" xfId="0" applyFont="1" applyFill="1" applyBorder="1" applyAlignment="1">
      <alignment horizontal="left" vertical="center" wrapText="1"/>
    </xf>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worksheet" Target="worksheets/sheet3.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11" Type="http://schemas.openxmlformats.org/officeDocument/2006/relationships/customXml" Target="../customXml/item5.xml"/><Relationship Id="rId5" Type="http://schemas.openxmlformats.org/officeDocument/2006/relationships/styles" Target="styles.xml"/><Relationship Id="rId10" Type="http://schemas.openxmlformats.org/officeDocument/2006/relationships/customXml" Target="../customXml/item4.xml"/><Relationship Id="rId4" Type="http://schemas.openxmlformats.org/officeDocument/2006/relationships/theme" Target="theme/theme1.xml"/><Relationship Id="rId9" Type="http://schemas.openxmlformats.org/officeDocument/2006/relationships/customXml" Target="../customXml/item3.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7E7FE60-1155-4470-94A7-0A4880742ECE}">
  <dimension ref="B1:G5"/>
  <sheetViews>
    <sheetView tabSelected="1" workbookViewId="0">
      <selection activeCell="L3" sqref="L3"/>
    </sheetView>
  </sheetViews>
  <sheetFormatPr defaultRowHeight="15"/>
  <cols>
    <col min="7" max="7" width="44.7109375" customWidth="1"/>
  </cols>
  <sheetData>
    <row r="1" spans="2:7" ht="106.5" customHeight="1">
      <c r="B1" s="22" t="s">
        <v>0</v>
      </c>
      <c r="C1" s="23"/>
      <c r="D1" s="23"/>
      <c r="E1" s="23"/>
      <c r="F1" s="23"/>
      <c r="G1" s="24"/>
    </row>
    <row r="2" spans="2:7">
      <c r="B2" s="8" t="s">
        <v>1</v>
      </c>
      <c r="C2" s="9"/>
      <c r="D2" s="9"/>
      <c r="E2" s="9"/>
      <c r="F2" s="9"/>
      <c r="G2" s="10" t="s">
        <v>1</v>
      </c>
    </row>
    <row r="3" spans="2:7" ht="145.5" customHeight="1">
      <c r="B3" s="25" t="s">
        <v>2</v>
      </c>
      <c r="C3" s="26"/>
      <c r="D3" s="26"/>
      <c r="E3" s="26"/>
      <c r="F3" s="26"/>
      <c r="G3" s="27"/>
    </row>
    <row r="4" spans="2:7" ht="20.25">
      <c r="B4" s="12"/>
      <c r="C4" s="13" t="s">
        <v>1</v>
      </c>
      <c r="D4" s="13" t="s">
        <v>1</v>
      </c>
      <c r="E4" s="14" t="s">
        <v>1</v>
      </c>
      <c r="F4" s="15" t="s">
        <v>1</v>
      </c>
      <c r="G4" s="11" t="s">
        <v>1</v>
      </c>
    </row>
    <row r="5" spans="2:7" ht="128.25" customHeight="1">
      <c r="B5" s="25" t="s">
        <v>3</v>
      </c>
      <c r="C5" s="26"/>
      <c r="D5" s="26"/>
      <c r="E5" s="26"/>
      <c r="F5" s="26"/>
      <c r="G5" s="27"/>
    </row>
  </sheetData>
  <mergeCells count="3">
    <mergeCell ref="B1:G1"/>
    <mergeCell ref="B5:G5"/>
    <mergeCell ref="B3:G3"/>
  </mergeCell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AD1D75C-28FE-E748-8A92-5DC4A0F4F3E9}">
  <dimension ref="A1:C28"/>
  <sheetViews>
    <sheetView topLeftCell="A8" zoomScaleNormal="100" zoomScaleSheetLayoutView="100" workbookViewId="0">
      <selection activeCell="C9" sqref="C9"/>
    </sheetView>
  </sheetViews>
  <sheetFormatPr defaultRowHeight="15"/>
  <cols>
    <col min="2" max="2" width="95.5703125" customWidth="1"/>
    <col min="3" max="3" width="45.5703125" style="2" customWidth="1"/>
  </cols>
  <sheetData>
    <row r="1" spans="1:3" s="2" customFormat="1" ht="37.5">
      <c r="A1" s="4" t="s">
        <v>4</v>
      </c>
      <c r="B1" s="4" t="s">
        <v>5</v>
      </c>
      <c r="C1" s="3" t="s">
        <v>6</v>
      </c>
    </row>
    <row r="2" spans="1:3" s="2" customFormat="1">
      <c r="A2" s="5">
        <v>1</v>
      </c>
      <c r="B2" s="6" t="s">
        <v>7</v>
      </c>
      <c r="C2" s="1"/>
    </row>
    <row r="3" spans="1:3" ht="30">
      <c r="A3" s="5">
        <v>2</v>
      </c>
      <c r="B3" s="7" t="s">
        <v>8</v>
      </c>
      <c r="C3" s="1"/>
    </row>
    <row r="4" spans="1:3">
      <c r="A4" s="5">
        <v>3</v>
      </c>
      <c r="B4" s="6" t="s">
        <v>9</v>
      </c>
      <c r="C4" s="1"/>
    </row>
    <row r="5" spans="1:3">
      <c r="A5" s="5">
        <v>4</v>
      </c>
      <c r="B5" s="6" t="s">
        <v>10</v>
      </c>
      <c r="C5" s="1"/>
    </row>
    <row r="6" spans="1:3" ht="30">
      <c r="A6" s="5">
        <v>5</v>
      </c>
      <c r="B6" s="7" t="s">
        <v>11</v>
      </c>
      <c r="C6" s="1"/>
    </row>
    <row r="7" spans="1:3">
      <c r="A7" s="5">
        <v>6</v>
      </c>
      <c r="B7" s="6" t="s">
        <v>12</v>
      </c>
      <c r="C7" s="1"/>
    </row>
    <row r="8" spans="1:3" ht="30">
      <c r="A8" s="5">
        <v>7</v>
      </c>
      <c r="B8" s="7" t="s">
        <v>13</v>
      </c>
      <c r="C8" s="1"/>
    </row>
    <row r="9" spans="1:3" ht="21" customHeight="1">
      <c r="A9" s="5">
        <v>8</v>
      </c>
      <c r="B9" s="7" t="s">
        <v>14</v>
      </c>
      <c r="C9" s="1"/>
    </row>
    <row r="10" spans="1:3">
      <c r="A10" s="5">
        <v>9</v>
      </c>
      <c r="B10" s="6" t="s">
        <v>15</v>
      </c>
      <c r="C10" s="1"/>
    </row>
    <row r="11" spans="1:3">
      <c r="A11" s="5">
        <v>10</v>
      </c>
      <c r="B11" s="6" t="s">
        <v>16</v>
      </c>
      <c r="C11" s="1"/>
    </row>
    <row r="12" spans="1:3">
      <c r="A12" s="5">
        <v>11</v>
      </c>
      <c r="B12" s="6" t="s">
        <v>17</v>
      </c>
      <c r="C12" s="1"/>
    </row>
    <row r="13" spans="1:3">
      <c r="A13" s="5">
        <v>12</v>
      </c>
      <c r="B13" s="6" t="s">
        <v>18</v>
      </c>
      <c r="C13" s="1"/>
    </row>
    <row r="14" spans="1:3">
      <c r="A14" s="5">
        <v>13</v>
      </c>
      <c r="B14" s="6" t="s">
        <v>19</v>
      </c>
      <c r="C14" s="1"/>
    </row>
    <row r="15" spans="1:3" ht="30">
      <c r="A15" s="5">
        <v>14</v>
      </c>
      <c r="B15" s="7" t="s">
        <v>20</v>
      </c>
      <c r="C15" s="1"/>
    </row>
    <row r="16" spans="1:3">
      <c r="A16" s="5">
        <v>15</v>
      </c>
      <c r="B16" s="6" t="s">
        <v>21</v>
      </c>
      <c r="C16" s="1"/>
    </row>
    <row r="17" spans="1:3">
      <c r="A17" s="5">
        <v>16</v>
      </c>
      <c r="B17" s="6" t="s">
        <v>22</v>
      </c>
      <c r="C17" s="1"/>
    </row>
    <row r="18" spans="1:3" ht="30">
      <c r="A18" s="5">
        <v>17</v>
      </c>
      <c r="B18" s="7" t="s">
        <v>23</v>
      </c>
      <c r="C18" s="1"/>
    </row>
    <row r="19" spans="1:3">
      <c r="A19" s="5">
        <v>18</v>
      </c>
      <c r="B19" s="6" t="s">
        <v>24</v>
      </c>
      <c r="C19" s="1"/>
    </row>
    <row r="20" spans="1:3">
      <c r="A20" s="5">
        <v>19</v>
      </c>
      <c r="B20" s="6" t="s">
        <v>25</v>
      </c>
      <c r="C20" s="1"/>
    </row>
    <row r="21" spans="1:3">
      <c r="A21" s="5">
        <v>20</v>
      </c>
      <c r="B21" s="6" t="s">
        <v>26</v>
      </c>
      <c r="C21" s="1"/>
    </row>
    <row r="22" spans="1:3">
      <c r="A22" s="5">
        <v>21</v>
      </c>
      <c r="B22" s="6" t="s">
        <v>27</v>
      </c>
      <c r="C22" s="1"/>
    </row>
    <row r="23" spans="1:3">
      <c r="A23" s="5">
        <v>22</v>
      </c>
      <c r="B23" s="6" t="s">
        <v>28</v>
      </c>
      <c r="C23" s="1"/>
    </row>
    <row r="24" spans="1:3">
      <c r="A24" s="5">
        <v>23</v>
      </c>
      <c r="B24" s="6" t="s">
        <v>29</v>
      </c>
      <c r="C24" s="1"/>
    </row>
    <row r="25" spans="1:3">
      <c r="A25" s="5">
        <v>24</v>
      </c>
      <c r="B25" s="6" t="s">
        <v>30</v>
      </c>
      <c r="C25" s="1"/>
    </row>
    <row r="26" spans="1:3">
      <c r="A26" s="5">
        <v>25</v>
      </c>
      <c r="B26" s="6" t="s">
        <v>31</v>
      </c>
      <c r="C26" s="1"/>
    </row>
    <row r="27" spans="1:3">
      <c r="A27" s="1">
        <v>26</v>
      </c>
      <c r="B27" s="6" t="s">
        <v>32</v>
      </c>
      <c r="C27" s="1"/>
    </row>
    <row r="28" spans="1:3">
      <c r="A28" s="1">
        <v>27</v>
      </c>
      <c r="B28" s="6" t="s">
        <v>33</v>
      </c>
      <c r="C28" s="1"/>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3A071E1-AA31-45AC-B37F-941A0F2C85E7}">
  <dimension ref="A1:C19"/>
  <sheetViews>
    <sheetView workbookViewId="0">
      <selection activeCell="B25" sqref="B25"/>
    </sheetView>
  </sheetViews>
  <sheetFormatPr defaultRowHeight="15"/>
  <cols>
    <col min="2" max="2" width="79.28515625" style="17" customWidth="1"/>
    <col min="3" max="3" width="50.7109375" style="17" customWidth="1"/>
  </cols>
  <sheetData>
    <row r="1" spans="1:3" ht="37.5">
      <c r="A1" s="19" t="s">
        <v>4</v>
      </c>
      <c r="B1" s="18" t="s">
        <v>34</v>
      </c>
      <c r="C1" s="3" t="s">
        <v>35</v>
      </c>
    </row>
    <row r="2" spans="1:3">
      <c r="A2" s="21">
        <v>1</v>
      </c>
      <c r="B2" s="20" t="s">
        <v>36</v>
      </c>
      <c r="C2" s="16"/>
    </row>
    <row r="3" spans="1:3">
      <c r="A3" s="21">
        <v>2</v>
      </c>
      <c r="B3" s="20" t="s">
        <v>37</v>
      </c>
      <c r="C3" s="16"/>
    </row>
    <row r="4" spans="1:3" ht="30">
      <c r="A4" s="21">
        <v>3</v>
      </c>
      <c r="B4" s="20" t="s">
        <v>38</v>
      </c>
      <c r="C4" s="16"/>
    </row>
    <row r="5" spans="1:3" ht="30">
      <c r="A5" s="21">
        <v>4</v>
      </c>
      <c r="B5" s="20" t="s">
        <v>39</v>
      </c>
      <c r="C5" s="16"/>
    </row>
    <row r="6" spans="1:3">
      <c r="A6" s="21">
        <v>5</v>
      </c>
      <c r="B6" s="20" t="s">
        <v>40</v>
      </c>
      <c r="C6" s="16"/>
    </row>
    <row r="7" spans="1:3">
      <c r="A7" s="21">
        <v>6</v>
      </c>
      <c r="B7" s="20" t="s">
        <v>41</v>
      </c>
      <c r="C7" s="16"/>
    </row>
    <row r="8" spans="1:3">
      <c r="A8" s="21">
        <v>7</v>
      </c>
      <c r="B8" s="20" t="s">
        <v>42</v>
      </c>
      <c r="C8" s="16"/>
    </row>
    <row r="9" spans="1:3">
      <c r="A9" s="21">
        <v>8</v>
      </c>
      <c r="B9" s="20" t="s">
        <v>43</v>
      </c>
      <c r="C9" s="16"/>
    </row>
    <row r="10" spans="1:3" ht="30">
      <c r="A10" s="21">
        <v>9</v>
      </c>
      <c r="B10" s="20" t="s">
        <v>44</v>
      </c>
      <c r="C10" s="16"/>
    </row>
    <row r="11" spans="1:3">
      <c r="A11" s="21">
        <v>10</v>
      </c>
      <c r="B11" s="20" t="s">
        <v>45</v>
      </c>
      <c r="C11" s="16"/>
    </row>
    <row r="12" spans="1:3">
      <c r="A12" s="21">
        <v>11</v>
      </c>
      <c r="B12" s="20" t="s">
        <v>46</v>
      </c>
      <c r="C12" s="16"/>
    </row>
    <row r="13" spans="1:3">
      <c r="A13" s="21">
        <v>12</v>
      </c>
      <c r="B13" s="20" t="s">
        <v>47</v>
      </c>
      <c r="C13" s="16"/>
    </row>
    <row r="14" spans="1:3">
      <c r="A14" s="21">
        <v>13</v>
      </c>
      <c r="B14" s="20" t="s">
        <v>48</v>
      </c>
      <c r="C14" s="16"/>
    </row>
    <row r="15" spans="1:3">
      <c r="A15" s="21">
        <v>14</v>
      </c>
      <c r="B15" s="20" t="s">
        <v>49</v>
      </c>
      <c r="C15" s="16"/>
    </row>
    <row r="16" spans="1:3" ht="19.5" customHeight="1">
      <c r="A16" s="21">
        <v>15</v>
      </c>
      <c r="B16" s="20" t="s">
        <v>50</v>
      </c>
      <c r="C16" s="16"/>
    </row>
    <row r="17" spans="1:3">
      <c r="A17" s="21">
        <v>16</v>
      </c>
      <c r="B17" s="20" t="s">
        <v>51</v>
      </c>
      <c r="C17" s="16"/>
    </row>
    <row r="18" spans="1:3" ht="30">
      <c r="A18" s="21">
        <v>17</v>
      </c>
      <c r="B18" s="20" t="s">
        <v>52</v>
      </c>
      <c r="C18" s="16"/>
    </row>
    <row r="19" spans="1:3" ht="71.25" customHeight="1">
      <c r="A19" s="21">
        <v>18</v>
      </c>
      <c r="B19" s="20" t="s">
        <v>53</v>
      </c>
      <c r="C19" s="16"/>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7A85774298ADE747A99A041823B360E8" ma:contentTypeVersion="4" ma:contentTypeDescription="Een nieuw document maken." ma:contentTypeScope="" ma:versionID="4febd800e237f870ec6a33f655ae062b">
  <xsd:schema xmlns:xsd="http://www.w3.org/2001/XMLSchema" xmlns:xs="http://www.w3.org/2001/XMLSchema" xmlns:p="http://schemas.microsoft.com/office/2006/metadata/properties" xmlns:ns2="312eabba-6d1b-44cf-b8f9-da6eafb234ca" targetNamespace="http://schemas.microsoft.com/office/2006/metadata/properties" ma:root="true" ma:fieldsID="79fc2c6ed87e72b1d514293757a44a3e" ns2:_="">
    <xsd:import namespace="312eabba-6d1b-44cf-b8f9-da6eafb234c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12eabba-6d1b-44cf-b8f9-da6eafb234c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4AA36A76-3B54-468A-BBF8-2CAC56C26734}"/>
</file>

<file path=customXml/itemProps2.xml><?xml version="1.0" encoding="utf-8"?>
<ds:datastoreItem xmlns:ds="http://schemas.openxmlformats.org/officeDocument/2006/customXml" ds:itemID="{9A8702DC-4371-42AF-8F1A-9019A8E80905}"/>
</file>

<file path=customXml/itemProps3.xml><?xml version="1.0" encoding="utf-8"?>
<ds:datastoreItem xmlns:ds="http://schemas.openxmlformats.org/officeDocument/2006/customXml" ds:itemID="{0B4EBB1A-8DDC-4E5B-AF22-2F7F90AB7DEC}"/>
</file>

<file path=customXml/itemProps4.xml><?xml version="1.0" encoding="utf-8"?>
<ds:datastoreItem xmlns:ds="http://schemas.openxmlformats.org/officeDocument/2006/customXml" ds:itemID="{78F6A9BC-443F-492F-A761-537560738BB5}"/>
</file>

<file path=customXml/itemProps5.xml><?xml version="1.0" encoding="utf-8"?>
<ds:datastoreItem xmlns:ds="http://schemas.openxmlformats.org/officeDocument/2006/customXml" ds:itemID="{57BDFBEA-AC99-494E-B4AC-B406D5E20D32}"/>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Lianne Kattevilder</cp:lastModifiedBy>
  <cp:revision>1</cp:revision>
  <dcterms:created xsi:type="dcterms:W3CDTF">2024-08-05T07:06:25Z</dcterms:created>
  <dcterms:modified xsi:type="dcterms:W3CDTF">2025-12-22T14:09:34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970965601778925958</vt:lpwstr>
  </property>
  <property fmtid="{D5CDD505-2E9C-101B-9397-08002B2CF9AE}" pid="4" name="TemplafyUserProfileId">
    <vt:lpwstr>637733368326030082</vt:lpwstr>
  </property>
  <property fmtid="{D5CDD505-2E9C-101B-9397-08002B2CF9AE}" pid="5" name="TemplafyFromBlank">
    <vt:bool>true</vt:bool>
  </property>
  <property fmtid="{D5CDD505-2E9C-101B-9397-08002B2CF9AE}" pid="6" name="ContentTypeId">
    <vt:lpwstr>0x0101007A85774298ADE747A99A041823B360E8</vt:lpwstr>
  </property>
</Properties>
</file>